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0"/>
  </p:notesMasterIdLst>
  <p:handoutMasterIdLst>
    <p:handoutMasterId r:id="rId21"/>
  </p:handoutMasterIdLst>
  <p:sldIdLst>
    <p:sldId id="256" r:id="rId10"/>
    <p:sldId id="260" r:id="rId11"/>
    <p:sldId id="332" r:id="rId12"/>
    <p:sldId id="333" r:id="rId13"/>
    <p:sldId id="334" r:id="rId14"/>
    <p:sldId id="335" r:id="rId15"/>
    <p:sldId id="338" r:id="rId16"/>
    <p:sldId id="336" r:id="rId17"/>
    <p:sldId id="337" r:id="rId18"/>
    <p:sldId id="339" r:id="rId19"/>
  </p:sldIdLst>
  <p:sldSz cx="12190413" cy="6858000"/>
  <p:notesSz cx="6858000" cy="9144000"/>
  <p:custDataLst>
    <p:tags r:id="rId2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B758C08-FB08-4002-8F96-9FA3D1DC5F0C}" v="21" dt="2023-07-19T17:36:52.18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7" d="100"/>
          <a:sy n="67" d="100"/>
        </p:scale>
        <p:origin x="52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presProps" Target="presProps.xml"/><Relationship Id="rId28" Type="http://schemas.microsoft.com/office/2015/10/relationships/revisionInfo" Target="revisionInfo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ags" Target="tags/tag1.xml"/><Relationship Id="rId27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7B758C08-FB08-4002-8F96-9FA3D1DC5F0C}"/>
    <pc:docChg chg="undo custSel addSld delSld modSld">
      <pc:chgData name="Mikael Lenz Strube" userId="5190ea63-534e-4b85-8189-cf0a88e74104" providerId="ADAL" clId="{7B758C08-FB08-4002-8F96-9FA3D1DC5F0C}" dt="2023-07-19T17:36:52.186" v="1035"/>
      <pc:docMkLst>
        <pc:docMk/>
      </pc:docMkLst>
      <pc:sldChg chg="modSp mod">
        <pc:chgData name="Mikael Lenz Strube" userId="5190ea63-534e-4b85-8189-cf0a88e74104" providerId="ADAL" clId="{7B758C08-FB08-4002-8F96-9FA3D1DC5F0C}" dt="2023-07-14T12:57:06.262" v="7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7B758C08-FB08-4002-8F96-9FA3D1DC5F0C}" dt="2023-07-14T12:57:06.262" v="7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del">
        <pc:chgData name="Mikael Lenz Strube" userId="5190ea63-534e-4b85-8189-cf0a88e74104" providerId="ADAL" clId="{7B758C08-FB08-4002-8F96-9FA3D1DC5F0C}" dt="2023-07-14T12:57:14.074" v="9" actId="47"/>
        <pc:sldMkLst>
          <pc:docMk/>
          <pc:sldMk cId="1342152634" sldId="278"/>
        </pc:sldMkLst>
      </pc:sldChg>
      <pc:sldChg chg="del">
        <pc:chgData name="Mikael Lenz Strube" userId="5190ea63-534e-4b85-8189-cf0a88e74104" providerId="ADAL" clId="{7B758C08-FB08-4002-8F96-9FA3D1DC5F0C}" dt="2023-07-14T12:57:11.719" v="8" actId="47"/>
        <pc:sldMkLst>
          <pc:docMk/>
          <pc:sldMk cId="2610442813" sldId="333"/>
        </pc:sldMkLst>
      </pc:sldChg>
      <pc:sldChg chg="modSp new mod modAnim">
        <pc:chgData name="Mikael Lenz Strube" userId="5190ea63-534e-4b85-8189-cf0a88e74104" providerId="ADAL" clId="{7B758C08-FB08-4002-8F96-9FA3D1DC5F0C}" dt="2023-07-19T17:35:20.016" v="1022"/>
        <pc:sldMkLst>
          <pc:docMk/>
          <pc:sldMk cId="3421178657" sldId="333"/>
        </pc:sldMkLst>
        <pc:spChg chg="mod">
          <ac:chgData name="Mikael Lenz Strube" userId="5190ea63-534e-4b85-8189-cf0a88e74104" providerId="ADAL" clId="{7B758C08-FB08-4002-8F96-9FA3D1DC5F0C}" dt="2023-07-14T12:57:55.116" v="59" actId="20577"/>
          <ac:spMkLst>
            <pc:docMk/>
            <pc:sldMk cId="3421178657" sldId="333"/>
            <ac:spMk id="3" creationId="{62D725EF-4128-B9FD-FC33-09E3EC280ED3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5:35.706" v="1025"/>
        <pc:sldMkLst>
          <pc:docMk/>
          <pc:sldMk cId="273985272" sldId="334"/>
        </pc:sldMkLst>
        <pc:spChg chg="mod">
          <ac:chgData name="Mikael Lenz Strube" userId="5190ea63-534e-4b85-8189-cf0a88e74104" providerId="ADAL" clId="{7B758C08-FB08-4002-8F96-9FA3D1DC5F0C}" dt="2023-07-14T13:11:29.968" v="69" actId="20577"/>
          <ac:spMkLst>
            <pc:docMk/>
            <pc:sldMk cId="273985272" sldId="334"/>
            <ac:spMk id="2" creationId="{4758FA53-9C18-2309-2F51-DB0D34D58D0C}"/>
          </ac:spMkLst>
        </pc:spChg>
        <pc:spChg chg="mod">
          <ac:chgData name="Mikael Lenz Strube" userId="5190ea63-534e-4b85-8189-cf0a88e74104" providerId="ADAL" clId="{7B758C08-FB08-4002-8F96-9FA3D1DC5F0C}" dt="2023-07-14T13:14:26.675" v="209" actId="20577"/>
          <ac:spMkLst>
            <pc:docMk/>
            <pc:sldMk cId="273985272" sldId="334"/>
            <ac:spMk id="3" creationId="{0EBB1879-1505-AED7-CCC7-61FE4207804B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5:44.020" v="1027"/>
        <pc:sldMkLst>
          <pc:docMk/>
          <pc:sldMk cId="3858280713" sldId="335"/>
        </pc:sldMkLst>
        <pc:spChg chg="mod">
          <ac:chgData name="Mikael Lenz Strube" userId="5190ea63-534e-4b85-8189-cf0a88e74104" providerId="ADAL" clId="{7B758C08-FB08-4002-8F96-9FA3D1DC5F0C}" dt="2023-07-14T13:14:47.717" v="225" actId="20577"/>
          <ac:spMkLst>
            <pc:docMk/>
            <pc:sldMk cId="3858280713" sldId="335"/>
            <ac:spMk id="2" creationId="{0DF17CE2-612B-DE27-705C-A4BD6D49EAC3}"/>
          </ac:spMkLst>
        </pc:spChg>
        <pc:spChg chg="mod">
          <ac:chgData name="Mikael Lenz Strube" userId="5190ea63-534e-4b85-8189-cf0a88e74104" providerId="ADAL" clId="{7B758C08-FB08-4002-8F96-9FA3D1DC5F0C}" dt="2023-07-14T13:21:16.903" v="539" actId="20577"/>
          <ac:spMkLst>
            <pc:docMk/>
            <pc:sldMk cId="3858280713" sldId="335"/>
            <ac:spMk id="3" creationId="{E5C9C4A1-62EA-E626-DAAD-F9EF73FCB499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6:28.884" v="1033"/>
        <pc:sldMkLst>
          <pc:docMk/>
          <pc:sldMk cId="3846341989" sldId="336"/>
        </pc:sldMkLst>
        <pc:spChg chg="mod">
          <ac:chgData name="Mikael Lenz Strube" userId="5190ea63-534e-4b85-8189-cf0a88e74104" providerId="ADAL" clId="{7B758C08-FB08-4002-8F96-9FA3D1DC5F0C}" dt="2023-07-14T13:24:56.058" v="549" actId="20577"/>
          <ac:spMkLst>
            <pc:docMk/>
            <pc:sldMk cId="3846341989" sldId="336"/>
            <ac:spMk id="2" creationId="{27B7104E-8779-ECA1-8F41-EC5D3E55D9A5}"/>
          </ac:spMkLst>
        </pc:spChg>
        <pc:spChg chg="mod">
          <ac:chgData name="Mikael Lenz Strube" userId="5190ea63-534e-4b85-8189-cf0a88e74104" providerId="ADAL" clId="{7B758C08-FB08-4002-8F96-9FA3D1DC5F0C}" dt="2023-07-14T14:05:07.323" v="711" actId="20577"/>
          <ac:spMkLst>
            <pc:docMk/>
            <pc:sldMk cId="3846341989" sldId="336"/>
            <ac:spMk id="3" creationId="{6810F6AB-E3DB-8150-1564-6FE7EABCBDCA}"/>
          </ac:spMkLst>
        </pc:spChg>
      </pc:sldChg>
      <pc:sldChg chg="addSp delSp modSp new mod modAnim">
        <pc:chgData name="Mikael Lenz Strube" userId="5190ea63-534e-4b85-8189-cf0a88e74104" providerId="ADAL" clId="{7B758C08-FB08-4002-8F96-9FA3D1DC5F0C}" dt="2023-07-19T17:36:52.186" v="1035"/>
        <pc:sldMkLst>
          <pc:docMk/>
          <pc:sldMk cId="1703448666" sldId="337"/>
        </pc:sldMkLst>
        <pc:spChg chg="mod">
          <ac:chgData name="Mikael Lenz Strube" userId="5190ea63-534e-4b85-8189-cf0a88e74104" providerId="ADAL" clId="{7B758C08-FB08-4002-8F96-9FA3D1DC5F0C}" dt="2023-07-14T14:05:15.198" v="720" actId="20577"/>
          <ac:spMkLst>
            <pc:docMk/>
            <pc:sldMk cId="1703448666" sldId="337"/>
            <ac:spMk id="2" creationId="{D527614C-88DF-22CF-6E1C-A4D1024F4869}"/>
          </ac:spMkLst>
        </pc:spChg>
        <pc:spChg chg="mod">
          <ac:chgData name="Mikael Lenz Strube" userId="5190ea63-534e-4b85-8189-cf0a88e74104" providerId="ADAL" clId="{7B758C08-FB08-4002-8F96-9FA3D1DC5F0C}" dt="2023-07-14T14:08:11.758" v="805" actId="20577"/>
          <ac:spMkLst>
            <pc:docMk/>
            <pc:sldMk cId="1703448666" sldId="337"/>
            <ac:spMk id="3" creationId="{2740E78B-4E0E-828A-C9DF-8D2243739D82}"/>
          </ac:spMkLst>
        </pc:spChg>
        <pc:spChg chg="add del">
          <ac:chgData name="Mikael Lenz Strube" userId="5190ea63-534e-4b85-8189-cf0a88e74104" providerId="ADAL" clId="{7B758C08-FB08-4002-8F96-9FA3D1DC5F0C}" dt="2023-07-14T14:06:36.390" v="759"/>
          <ac:spMkLst>
            <pc:docMk/>
            <pc:sldMk cId="1703448666" sldId="337"/>
            <ac:spMk id="5" creationId="{44054FBE-77E0-2900-26FF-35B596E703AB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6:00.140" v="1029"/>
        <pc:sldMkLst>
          <pc:docMk/>
          <pc:sldMk cId="1178365994" sldId="338"/>
        </pc:sldMkLst>
        <pc:spChg chg="mod">
          <ac:chgData name="Mikael Lenz Strube" userId="5190ea63-534e-4b85-8189-cf0a88e74104" providerId="ADAL" clId="{7B758C08-FB08-4002-8F96-9FA3D1DC5F0C}" dt="2023-07-16T09:53:02.112" v="821" actId="20577"/>
          <ac:spMkLst>
            <pc:docMk/>
            <pc:sldMk cId="1178365994" sldId="338"/>
            <ac:spMk id="2" creationId="{533BFFC1-12B9-7653-0EDA-E225EAC8BEAC}"/>
          </ac:spMkLst>
        </pc:spChg>
        <pc:spChg chg="mod">
          <ac:chgData name="Mikael Lenz Strube" userId="5190ea63-534e-4b85-8189-cf0a88e74104" providerId="ADAL" clId="{7B758C08-FB08-4002-8F96-9FA3D1DC5F0C}" dt="2023-07-16T09:56:10.407" v="985" actId="20577"/>
          <ac:spMkLst>
            <pc:docMk/>
            <pc:sldMk cId="1178365994" sldId="338"/>
            <ac:spMk id="3" creationId="{1DF84A58-FAC3-FB38-8D5D-35E891F80985}"/>
          </ac:spMkLst>
        </pc:spChg>
      </pc:sldChg>
      <pc:sldChg chg="modSp new mod">
        <pc:chgData name="Mikael Lenz Strube" userId="5190ea63-534e-4b85-8189-cf0a88e74104" providerId="ADAL" clId="{7B758C08-FB08-4002-8F96-9FA3D1DC5F0C}" dt="2023-07-16T09:58:10.975" v="1020" actId="20577"/>
        <pc:sldMkLst>
          <pc:docMk/>
          <pc:sldMk cId="2474476166" sldId="339"/>
        </pc:sldMkLst>
        <pc:spChg chg="mod">
          <ac:chgData name="Mikael Lenz Strube" userId="5190ea63-534e-4b85-8189-cf0a88e74104" providerId="ADAL" clId="{7B758C08-FB08-4002-8F96-9FA3D1DC5F0C}" dt="2023-07-16T09:58:10.975" v="1020" actId="20577"/>
          <ac:spMkLst>
            <pc:docMk/>
            <pc:sldMk cId="2474476166" sldId="339"/>
            <ac:spMk id="2" creationId="{8AEA7B5A-7B03-F516-E7F4-284D96C97DE9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EA7B5A-7B03-F516-E7F4-284D96C97D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eractive R-session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53F042F-75BF-A8EC-D83E-183691267CD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5E9818-C798-5A8F-97D2-72FC9E9F20C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447616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R basic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axonomic Analysis workshop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380719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76779B-C0A7-F133-EA19-A9FB83D3C5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2D725EF-4128-B9FD-FC33-09E3EC280ED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Variables</a:t>
            </a:r>
          </a:p>
          <a:p>
            <a:endParaRPr lang="da-DK" dirty="0"/>
          </a:p>
          <a:p>
            <a:r>
              <a:rPr lang="da-DK" dirty="0"/>
              <a:t>Data </a:t>
            </a:r>
            <a:r>
              <a:rPr lang="da-DK" dirty="0" err="1"/>
              <a:t>structure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Functions</a:t>
            </a:r>
            <a:endParaRPr lang="da-DK" dirty="0"/>
          </a:p>
          <a:p>
            <a:endParaRPr lang="da-DK" dirty="0"/>
          </a:p>
          <a:p>
            <a:r>
              <a:rPr lang="da-DK" dirty="0"/>
              <a:t>Packag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EC62ED0-7343-453F-A1A5-09BC74D2209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11786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58FA53-9C18-2309-2F51-DB0D34D58D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Variabl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EBB1879-1505-AED7-CCC7-61FE4207804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A = 5 </a:t>
            </a:r>
          </a:p>
          <a:p>
            <a:endParaRPr lang="da-DK" dirty="0"/>
          </a:p>
          <a:p>
            <a:r>
              <a:rPr lang="da-DK" dirty="0" err="1"/>
              <a:t>fraction</a:t>
            </a:r>
            <a:r>
              <a:rPr lang="da-DK" dirty="0"/>
              <a:t> = 5.48</a:t>
            </a:r>
          </a:p>
          <a:p>
            <a:endParaRPr lang="da-DK" dirty="0"/>
          </a:p>
          <a:p>
            <a:r>
              <a:rPr lang="da-DK" dirty="0" err="1"/>
              <a:t>theTeacher</a:t>
            </a:r>
            <a:r>
              <a:rPr lang="da-DK" dirty="0"/>
              <a:t> = ”Mikael”</a:t>
            </a:r>
          </a:p>
          <a:p>
            <a:endParaRPr lang="da-DK" dirty="0"/>
          </a:p>
          <a:p>
            <a:r>
              <a:rPr lang="da-DK" dirty="0" err="1"/>
              <a:t>studentNames</a:t>
            </a:r>
            <a:r>
              <a:rPr lang="da-DK" dirty="0"/>
              <a:t> = c(”Peter”, ”Hans”, ”Louise”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1082A0C-9779-DF77-F1FC-1CD4876074C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98527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F17CE2-612B-DE27-705C-A4BD6D49EA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 </a:t>
            </a:r>
            <a:r>
              <a:rPr lang="da-DK" dirty="0" err="1"/>
              <a:t>structure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C9C4A1-62EA-E626-DAAD-F9EF73FCB49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Vectors</a:t>
            </a:r>
            <a:endParaRPr lang="da-DK" dirty="0"/>
          </a:p>
          <a:p>
            <a:pPr lvl="1"/>
            <a:r>
              <a:rPr lang="da-DK" dirty="0" err="1"/>
              <a:t>CFUs</a:t>
            </a:r>
            <a:r>
              <a:rPr lang="da-DK" dirty="0"/>
              <a:t> = c(5, 12, 1, 48, 19, 12)</a:t>
            </a:r>
          </a:p>
          <a:p>
            <a:pPr lvl="1"/>
            <a:r>
              <a:rPr lang="da-DK" dirty="0"/>
              <a:t>Types = c(”A”, ”A”, ”B”, ”B”,”C”,”C”)</a:t>
            </a:r>
          </a:p>
          <a:p>
            <a:endParaRPr lang="da-DK" dirty="0"/>
          </a:p>
          <a:p>
            <a:r>
              <a:rPr lang="da-DK" dirty="0"/>
              <a:t>Matrices</a:t>
            </a:r>
          </a:p>
          <a:p>
            <a:pPr lvl="1"/>
            <a:r>
              <a:rPr lang="da-DK" dirty="0" err="1"/>
              <a:t>randomMat</a:t>
            </a:r>
            <a:r>
              <a:rPr lang="da-DK" dirty="0"/>
              <a:t> = matrix( c(1, 2, 3, 4, 5, 6), </a:t>
            </a:r>
            <a:r>
              <a:rPr lang="da-DK" dirty="0" err="1"/>
              <a:t>nrow</a:t>
            </a:r>
            <a:r>
              <a:rPr lang="da-DK" dirty="0"/>
              <a:t>=2, </a:t>
            </a:r>
            <a:r>
              <a:rPr lang="da-DK" dirty="0" err="1"/>
              <a:t>ncol</a:t>
            </a:r>
            <a:r>
              <a:rPr lang="da-DK" dirty="0"/>
              <a:t>=3)</a:t>
            </a:r>
          </a:p>
          <a:p>
            <a:pPr lvl="1"/>
            <a:r>
              <a:rPr lang="da-DK" dirty="0" err="1"/>
              <a:t>cfuMat</a:t>
            </a:r>
            <a:r>
              <a:rPr lang="da-DK" dirty="0"/>
              <a:t> = matrix(matrix( </a:t>
            </a:r>
            <a:r>
              <a:rPr lang="da-DK" dirty="0" err="1"/>
              <a:t>CFUs</a:t>
            </a:r>
            <a:r>
              <a:rPr lang="da-DK" dirty="0"/>
              <a:t>, </a:t>
            </a:r>
            <a:r>
              <a:rPr lang="da-DK" dirty="0" err="1"/>
              <a:t>nrow</a:t>
            </a:r>
            <a:r>
              <a:rPr lang="da-DK" dirty="0"/>
              <a:t>=3, </a:t>
            </a:r>
            <a:r>
              <a:rPr lang="da-DK" dirty="0" err="1"/>
              <a:t>ncol</a:t>
            </a:r>
            <a:r>
              <a:rPr lang="da-DK" dirty="0"/>
              <a:t>=2)</a:t>
            </a:r>
          </a:p>
          <a:p>
            <a:pPr lvl="1"/>
            <a:endParaRPr lang="da-DK" dirty="0"/>
          </a:p>
          <a:p>
            <a:r>
              <a:rPr lang="da-DK" dirty="0"/>
              <a:t>Dataframes</a:t>
            </a:r>
          </a:p>
          <a:p>
            <a:pPr lvl="1"/>
            <a:r>
              <a:rPr lang="da-DK" dirty="0" err="1"/>
              <a:t>aDataFrame</a:t>
            </a:r>
            <a:r>
              <a:rPr lang="da-DK" dirty="0"/>
              <a:t> = </a:t>
            </a:r>
            <a:r>
              <a:rPr lang="da-DK" dirty="0" err="1"/>
              <a:t>data.frame</a:t>
            </a:r>
            <a:r>
              <a:rPr lang="da-DK" dirty="0"/>
              <a:t>(Group=Types, Counts=</a:t>
            </a:r>
            <a:r>
              <a:rPr lang="da-DK" dirty="0" err="1"/>
              <a:t>CFUs</a:t>
            </a:r>
            <a:r>
              <a:rPr lang="da-DK" dirty="0"/>
              <a:t>)</a:t>
            </a:r>
          </a:p>
          <a:p>
            <a:pPr lvl="1"/>
            <a:endParaRPr lang="da-DK" dirty="0"/>
          </a:p>
          <a:p>
            <a:r>
              <a:rPr lang="da-DK" dirty="0"/>
              <a:t>Lists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4333683-1295-05A2-3FBB-DE9C99E3006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582807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3BFFC1-12B9-7653-0EDA-E225EAC8BE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 </a:t>
            </a:r>
            <a:r>
              <a:rPr lang="da-DK" dirty="0" err="1"/>
              <a:t>structure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F84A58-FAC3-FB38-8D5D-35E891F8098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0808"/>
            <a:ext cx="9312374" cy="4545578"/>
          </a:xfrm>
        </p:spPr>
        <p:txBody>
          <a:bodyPr/>
          <a:lstStyle/>
          <a:p>
            <a:r>
              <a:rPr lang="da-DK" dirty="0" err="1"/>
              <a:t>Accessing</a:t>
            </a:r>
            <a:r>
              <a:rPr lang="da-DK" dirty="0"/>
              <a:t> a </a:t>
            </a:r>
            <a:r>
              <a:rPr lang="da-DK" dirty="0" err="1"/>
              <a:t>value</a:t>
            </a:r>
            <a:r>
              <a:rPr lang="da-DK" dirty="0"/>
              <a:t> of a 1-dimensionel </a:t>
            </a:r>
            <a:r>
              <a:rPr lang="da-DK" dirty="0" err="1"/>
              <a:t>vector</a:t>
            </a:r>
            <a:endParaRPr lang="da-DK" dirty="0"/>
          </a:p>
          <a:p>
            <a:pPr lvl="1"/>
            <a:r>
              <a:rPr lang="da-DK" dirty="0" err="1"/>
              <a:t>CFUs</a:t>
            </a:r>
            <a:r>
              <a:rPr lang="da-DK" dirty="0"/>
              <a:t> = c(5, 12, 1, 48, 19, 12)</a:t>
            </a:r>
          </a:p>
          <a:p>
            <a:pPr lvl="1"/>
            <a:r>
              <a:rPr lang="da-DK" dirty="0" err="1"/>
              <a:t>CFUs</a:t>
            </a:r>
            <a:r>
              <a:rPr lang="da-DK" dirty="0"/>
              <a:t>[4]</a:t>
            </a:r>
          </a:p>
          <a:p>
            <a:pPr lvl="2"/>
            <a:r>
              <a:rPr lang="da-DK" dirty="0"/>
              <a:t>48</a:t>
            </a:r>
          </a:p>
          <a:p>
            <a:pPr lvl="2"/>
            <a:endParaRPr lang="da-DK" dirty="0"/>
          </a:p>
          <a:p>
            <a:r>
              <a:rPr lang="da-DK" dirty="0" err="1"/>
              <a:t>Accessing</a:t>
            </a:r>
            <a:r>
              <a:rPr lang="da-DK" dirty="0"/>
              <a:t> a </a:t>
            </a:r>
            <a:r>
              <a:rPr lang="da-DK" dirty="0" err="1"/>
              <a:t>value</a:t>
            </a:r>
            <a:r>
              <a:rPr lang="da-DK" dirty="0"/>
              <a:t> of a 2D </a:t>
            </a:r>
            <a:r>
              <a:rPr lang="da-DK" dirty="0" err="1"/>
              <a:t>data.frame</a:t>
            </a:r>
            <a:endParaRPr lang="da-DK" dirty="0"/>
          </a:p>
          <a:p>
            <a:pPr lvl="1"/>
            <a:r>
              <a:rPr lang="da-DK" dirty="0"/>
              <a:t>Types = c(”A”, ”A”, ”B”, ”B”,”C”,”C”)</a:t>
            </a:r>
          </a:p>
          <a:p>
            <a:pPr lvl="1"/>
            <a:r>
              <a:rPr lang="da-DK" dirty="0" err="1"/>
              <a:t>CFUs</a:t>
            </a:r>
            <a:r>
              <a:rPr lang="da-DK" dirty="0"/>
              <a:t> = c(5, 12, 1, 48, 19, 12)</a:t>
            </a:r>
          </a:p>
          <a:p>
            <a:pPr lvl="1"/>
            <a:r>
              <a:rPr lang="da-DK" dirty="0" err="1"/>
              <a:t>aDataFrame</a:t>
            </a:r>
            <a:r>
              <a:rPr lang="da-DK" dirty="0"/>
              <a:t> = </a:t>
            </a:r>
            <a:r>
              <a:rPr lang="da-DK" dirty="0" err="1"/>
              <a:t>data.frame</a:t>
            </a:r>
            <a:r>
              <a:rPr lang="da-DK" dirty="0"/>
              <a:t>(Group=Types, Counts=</a:t>
            </a:r>
            <a:r>
              <a:rPr lang="da-DK" dirty="0" err="1"/>
              <a:t>CFUs</a:t>
            </a:r>
            <a:r>
              <a:rPr lang="da-DK" dirty="0"/>
              <a:t>)</a:t>
            </a:r>
          </a:p>
          <a:p>
            <a:pPr lvl="1"/>
            <a:r>
              <a:rPr lang="da-DK" dirty="0" err="1"/>
              <a:t>aDataFrame</a:t>
            </a:r>
            <a:r>
              <a:rPr lang="da-DK" dirty="0"/>
              <a:t>[3,2]</a:t>
            </a:r>
          </a:p>
          <a:p>
            <a:pPr lvl="2"/>
            <a:r>
              <a:rPr lang="da-DK" dirty="0"/>
              <a:t>1</a:t>
            </a:r>
          </a:p>
          <a:p>
            <a:pPr lvl="1"/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0FA70C-61B6-E97E-AD01-7CDD9C2A323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783659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B7104E-8779-ECA1-8F41-EC5D3E55D9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Function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810F6AB-E3DB-8150-1564-6FE7EABCBDC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aFunction</a:t>
            </a:r>
            <a:r>
              <a:rPr lang="da-DK" dirty="0"/>
              <a:t> = </a:t>
            </a:r>
            <a:r>
              <a:rPr lang="da-DK" dirty="0" err="1"/>
              <a:t>function</a:t>
            </a:r>
            <a:r>
              <a:rPr lang="da-DK" dirty="0"/>
              <a:t>(a, b) {</a:t>
            </a:r>
          </a:p>
          <a:p>
            <a:pPr marL="216000" lvl="1" indent="0">
              <a:buNone/>
            </a:pPr>
            <a:r>
              <a:rPr lang="da-DK" dirty="0"/>
              <a:t>   c = a + b</a:t>
            </a:r>
          </a:p>
          <a:p>
            <a:pPr marL="216000" lvl="1" indent="0">
              <a:buNone/>
            </a:pPr>
            <a:r>
              <a:rPr lang="da-DK" dirty="0"/>
              <a:t>   return(c)</a:t>
            </a:r>
          </a:p>
          <a:p>
            <a:pPr marL="216000" lvl="1" indent="0">
              <a:buNone/>
            </a:pPr>
            <a:r>
              <a:rPr lang="da-DK" dirty="0"/>
              <a:t>}</a:t>
            </a:r>
          </a:p>
          <a:p>
            <a:endParaRPr lang="da-DK" dirty="0"/>
          </a:p>
          <a:p>
            <a:r>
              <a:rPr lang="da-DK" dirty="0" err="1"/>
              <a:t>calculateMean</a:t>
            </a:r>
            <a:r>
              <a:rPr lang="da-DK" dirty="0"/>
              <a:t> = </a:t>
            </a:r>
            <a:r>
              <a:rPr lang="da-DK" dirty="0" err="1"/>
              <a:t>function</a:t>
            </a:r>
            <a:r>
              <a:rPr lang="da-DK" dirty="0"/>
              <a:t>(a, b, c) {</a:t>
            </a:r>
          </a:p>
          <a:p>
            <a:pPr marL="216000" lvl="1" indent="0">
              <a:buNone/>
            </a:pPr>
            <a:r>
              <a:rPr lang="da-DK" dirty="0"/>
              <a:t>   return(sum(a, b, c)/3)</a:t>
            </a:r>
          </a:p>
          <a:p>
            <a:pPr marL="216000" lvl="1" indent="0">
              <a:buNone/>
            </a:pPr>
            <a:r>
              <a:rPr lang="da-DK" dirty="0"/>
              <a:t>}</a:t>
            </a:r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80E719-DC8E-C486-7406-B7AFC9BC29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63419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7614C-88DF-22CF-6E1C-A4D1024F48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ackag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740E78B-4E0E-828A-C9DF-8D2243739D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install.packages</a:t>
            </a:r>
            <a:r>
              <a:rPr lang="da-DK" dirty="0"/>
              <a:t>(”</a:t>
            </a:r>
            <a:r>
              <a:rPr lang="da-DK" dirty="0" err="1"/>
              <a:t>vegan</a:t>
            </a:r>
            <a:r>
              <a:rPr lang="da-DK" dirty="0"/>
              <a:t>”)</a:t>
            </a:r>
          </a:p>
          <a:p>
            <a:endParaRPr lang="da-DK" dirty="0"/>
          </a:p>
          <a:p>
            <a:r>
              <a:rPr lang="da-DK" dirty="0" err="1"/>
              <a:t>install.packages</a:t>
            </a:r>
            <a:r>
              <a:rPr lang="da-DK" dirty="0"/>
              <a:t>("</a:t>
            </a:r>
            <a:r>
              <a:rPr lang="da-DK" dirty="0" err="1"/>
              <a:t>BiocManager</a:t>
            </a:r>
            <a:r>
              <a:rPr lang="da-DK" dirty="0"/>
              <a:t>")</a:t>
            </a:r>
          </a:p>
          <a:p>
            <a:r>
              <a:rPr lang="da-DK" dirty="0" err="1"/>
              <a:t>BiocManager::install</a:t>
            </a:r>
            <a:r>
              <a:rPr lang="da-DK" dirty="0"/>
              <a:t>("dada2")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library</a:t>
            </a:r>
            <a:r>
              <a:rPr lang="da-DK" dirty="0"/>
              <a:t>(”</a:t>
            </a:r>
            <a:r>
              <a:rPr lang="da-DK" dirty="0" err="1"/>
              <a:t>vegan</a:t>
            </a:r>
            <a:r>
              <a:rPr lang="da-DK" dirty="0"/>
              <a:t>”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06CA8C-D0ED-EF4A-59D0-10C25F0443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034486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4863B29D-1AD1-4B5F-B1F9-6A015A772270}">
  <ds:schemaRefs/>
</ds:datastoreItem>
</file>

<file path=customXml/itemProps8.xml><?xml version="1.0" encoding="utf-8"?>
<ds:datastoreItem xmlns:ds="http://schemas.openxmlformats.org/officeDocument/2006/customXml" ds:itemID="{7189270F-D376-4AE4-B709-ECBEE3AE0F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095</TotalTime>
  <Words>309</Words>
  <Application>Microsoft Office PowerPoint</Application>
  <PresentationFormat>Custom</PresentationFormat>
  <Paragraphs>71</Paragraphs>
  <Slides>10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3" baseType="lpstr">
      <vt:lpstr>Arial</vt:lpstr>
      <vt:lpstr>Verdana</vt:lpstr>
      <vt:lpstr>Blank</vt:lpstr>
      <vt:lpstr>PowerPoint Presentation</vt:lpstr>
      <vt:lpstr>R basics</vt:lpstr>
      <vt:lpstr>The Taxonomic Analysis workshop</vt:lpstr>
      <vt:lpstr>PowerPoint Presentation</vt:lpstr>
      <vt:lpstr>Variables</vt:lpstr>
      <vt:lpstr>Data structures</vt:lpstr>
      <vt:lpstr>Data structures</vt:lpstr>
      <vt:lpstr>Functions</vt:lpstr>
      <vt:lpstr>Packages</vt:lpstr>
      <vt:lpstr>Interactive R-session!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2</cp:revision>
  <dcterms:created xsi:type="dcterms:W3CDTF">2022-07-11T22:18:32Z</dcterms:created>
  <dcterms:modified xsi:type="dcterms:W3CDTF">2023-07-19T17:36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